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9"/>
  </p:notesMasterIdLst>
  <p:handoutMasterIdLst>
    <p:handoutMasterId r:id="rId30"/>
  </p:handoutMasterIdLst>
  <p:sldIdLst>
    <p:sldId id="256" r:id="rId8"/>
    <p:sldId id="260" r:id="rId9"/>
    <p:sldId id="272" r:id="rId10"/>
    <p:sldId id="283" r:id="rId11"/>
    <p:sldId id="294" r:id="rId12"/>
    <p:sldId id="296" r:id="rId13"/>
    <p:sldId id="295" r:id="rId14"/>
    <p:sldId id="291" r:id="rId15"/>
    <p:sldId id="297" r:id="rId16"/>
    <p:sldId id="298" r:id="rId17"/>
    <p:sldId id="299" r:id="rId18"/>
    <p:sldId id="300" r:id="rId19"/>
    <p:sldId id="293" r:id="rId20"/>
    <p:sldId id="301" r:id="rId21"/>
    <p:sldId id="307" r:id="rId22"/>
    <p:sldId id="284" r:id="rId23"/>
    <p:sldId id="302" r:id="rId24"/>
    <p:sldId id="303" r:id="rId25"/>
    <p:sldId id="304" r:id="rId26"/>
    <p:sldId id="305" r:id="rId27"/>
    <p:sldId id="306" r:id="rId28"/>
  </p:sldIdLst>
  <p:sldSz cx="12190413" cy="6858000"/>
  <p:notesSz cx="6858000" cy="9144000"/>
  <p:custDataLst>
    <p:tags r:id="rId3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icolaj Hans Nielsen" initials="NHN" lastIdx="1" clrIdx="0">
    <p:extLst>
      <p:ext uri="{19B8F6BF-5375-455C-9EA6-DF929625EA0E}">
        <p15:presenceInfo xmlns:p15="http://schemas.microsoft.com/office/powerpoint/2012/main" userId="Nicolaj Hans Nielsen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F3EEA"/>
    <a:srgbClr val="171748"/>
    <a:srgbClr val="1FD082"/>
    <a:srgbClr val="FFFFFF"/>
    <a:srgbClr val="990000"/>
    <a:srgbClr val="000000"/>
    <a:srgbClr val="FFCC00"/>
    <a:srgbClr val="FF6600"/>
    <a:srgbClr val="FF0000"/>
    <a:srgbClr val="FF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0C913FC-5A8A-41AB-BD05-3C98EB30A1FC}" v="1" dt="2022-05-16T14:27:50.294"/>
  </p1510:revLst>
</p1510:revInfo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794" autoAdjust="0"/>
    <p:restoredTop sz="94878" autoAdjust="0"/>
  </p:normalViewPr>
  <p:slideViewPr>
    <p:cSldViewPr showGuides="1">
      <p:cViewPr varScale="1">
        <p:scale>
          <a:sx n="105" d="100"/>
          <a:sy n="105" d="100"/>
        </p:scale>
        <p:origin x="498" y="7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presProps" Target="presProps.xml"/><Relationship Id="rId38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commentAuthors" Target="commentAuthors.xml"/><Relationship Id="rId37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handoutMaster" Target="handoutMasters/handoutMaster1.xml"/><Relationship Id="rId35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nton Ruby" userId="0437879b-7f11-4ed3-a9a2-ac7e51bb8ff3" providerId="ADAL" clId="{80C913FC-5A8A-41AB-BD05-3C98EB30A1FC}"/>
    <pc:docChg chg="undo custSel addSld delSld modSld sldOrd">
      <pc:chgData name="Anton Ruby" userId="0437879b-7f11-4ed3-a9a2-ac7e51bb8ff3" providerId="ADAL" clId="{80C913FC-5A8A-41AB-BD05-3C98EB30A1FC}" dt="2022-05-16T14:27:59.394" v="109" actId="20577"/>
      <pc:docMkLst>
        <pc:docMk/>
      </pc:docMkLst>
      <pc:sldChg chg="modSp mod">
        <pc:chgData name="Anton Ruby" userId="0437879b-7f11-4ed3-a9a2-ac7e51bb8ff3" providerId="ADAL" clId="{80C913FC-5A8A-41AB-BD05-3C98EB30A1FC}" dt="2022-05-16T13:08:40.428" v="83" actId="20577"/>
        <pc:sldMkLst>
          <pc:docMk/>
          <pc:sldMk cId="2320714135" sldId="260"/>
        </pc:sldMkLst>
        <pc:spChg chg="mod">
          <ac:chgData name="Anton Ruby" userId="0437879b-7f11-4ed3-a9a2-ac7e51bb8ff3" providerId="ADAL" clId="{80C913FC-5A8A-41AB-BD05-3C98EB30A1FC}" dt="2022-05-16T13:08:40.428" v="83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delSp mod delAnim">
        <pc:chgData name="Anton Ruby" userId="0437879b-7f11-4ed3-a9a2-ac7e51bb8ff3" providerId="ADAL" clId="{80C913FC-5A8A-41AB-BD05-3C98EB30A1FC}" dt="2022-05-16T11:48:11.738" v="35" actId="478"/>
        <pc:sldMkLst>
          <pc:docMk/>
          <pc:sldMk cId="2344616559" sldId="272"/>
        </pc:sldMkLst>
        <pc:inkChg chg="del">
          <ac:chgData name="Anton Ruby" userId="0437879b-7f11-4ed3-a9a2-ac7e51bb8ff3" providerId="ADAL" clId="{80C913FC-5A8A-41AB-BD05-3C98EB30A1FC}" dt="2022-05-16T11:48:09.927" v="34" actId="478"/>
          <ac:inkMkLst>
            <pc:docMk/>
            <pc:sldMk cId="2344616559" sldId="272"/>
            <ac:inkMk id="29" creationId="{C2133C1F-34EF-E14D-49E3-2A54C1C9B0E1}"/>
          </ac:inkMkLst>
        </pc:inkChg>
        <pc:inkChg chg="del">
          <ac:chgData name="Anton Ruby" userId="0437879b-7f11-4ed3-a9a2-ac7e51bb8ff3" providerId="ADAL" clId="{80C913FC-5A8A-41AB-BD05-3C98EB30A1FC}" dt="2022-05-16T11:48:11.738" v="35" actId="478"/>
          <ac:inkMkLst>
            <pc:docMk/>
            <pc:sldMk cId="2344616559" sldId="272"/>
            <ac:inkMk id="30" creationId="{E0CB04FC-2AF4-4638-9414-E5F8E798824B}"/>
          </ac:inkMkLst>
        </pc:inkChg>
      </pc:sldChg>
      <pc:sldChg chg="addSp delSp modSp mod delAnim">
        <pc:chgData name="Anton Ruby" userId="0437879b-7f11-4ed3-a9a2-ac7e51bb8ff3" providerId="ADAL" clId="{80C913FC-5A8A-41AB-BD05-3C98EB30A1FC}" dt="2022-05-16T11:43:31.943" v="13" actId="1076"/>
        <pc:sldMkLst>
          <pc:docMk/>
          <pc:sldMk cId="2669562028" sldId="283"/>
        </pc:sldMkLst>
        <pc:spChg chg="mod">
          <ac:chgData name="Anton Ruby" userId="0437879b-7f11-4ed3-a9a2-ac7e51bb8ff3" providerId="ADAL" clId="{80C913FC-5A8A-41AB-BD05-3C98EB30A1FC}" dt="2022-05-16T11:43:09.237" v="8" actId="166"/>
          <ac:spMkLst>
            <pc:docMk/>
            <pc:sldMk cId="2669562028" sldId="283"/>
            <ac:spMk id="2" creationId="{5A8CA1C7-A2DC-A69D-1DEC-C78542D9DA17}"/>
          </ac:spMkLst>
        </pc:spChg>
        <pc:picChg chg="add mod">
          <ac:chgData name="Anton Ruby" userId="0437879b-7f11-4ed3-a9a2-ac7e51bb8ff3" providerId="ADAL" clId="{80C913FC-5A8A-41AB-BD05-3C98EB30A1FC}" dt="2022-05-16T11:43:31.943" v="13" actId="1076"/>
          <ac:picMkLst>
            <pc:docMk/>
            <pc:sldMk cId="2669562028" sldId="283"/>
            <ac:picMk id="6" creationId="{54D7D560-7891-4332-A1DF-19FC62A53651}"/>
          </ac:picMkLst>
        </pc:picChg>
        <pc:picChg chg="del">
          <ac:chgData name="Anton Ruby" userId="0437879b-7f11-4ed3-a9a2-ac7e51bb8ff3" providerId="ADAL" clId="{80C913FC-5A8A-41AB-BD05-3C98EB30A1FC}" dt="2022-05-16T11:42:59.446" v="4" actId="478"/>
          <ac:picMkLst>
            <pc:docMk/>
            <pc:sldMk cId="2669562028" sldId="283"/>
            <ac:picMk id="22" creationId="{75B32CEE-7BF9-BF65-F6C7-B892FC38C6FA}"/>
          </ac:picMkLst>
        </pc:picChg>
      </pc:sldChg>
      <pc:sldChg chg="ord">
        <pc:chgData name="Anton Ruby" userId="0437879b-7f11-4ed3-a9a2-ac7e51bb8ff3" providerId="ADAL" clId="{80C913FC-5A8A-41AB-BD05-3C98EB30A1FC}" dt="2022-05-16T11:42:13.582" v="3"/>
        <pc:sldMkLst>
          <pc:docMk/>
          <pc:sldMk cId="2674694233" sldId="291"/>
        </pc:sldMkLst>
      </pc:sldChg>
      <pc:sldChg chg="delSp modSp mod">
        <pc:chgData name="Anton Ruby" userId="0437879b-7f11-4ed3-a9a2-ac7e51bb8ff3" providerId="ADAL" clId="{80C913FC-5A8A-41AB-BD05-3C98EB30A1FC}" dt="2022-05-16T11:46:32.440" v="29" actId="1076"/>
        <pc:sldMkLst>
          <pc:docMk/>
          <pc:sldMk cId="3251259783" sldId="296"/>
        </pc:sldMkLst>
        <pc:spChg chg="del mod">
          <ac:chgData name="Anton Ruby" userId="0437879b-7f11-4ed3-a9a2-ac7e51bb8ff3" providerId="ADAL" clId="{80C913FC-5A8A-41AB-BD05-3C98EB30A1FC}" dt="2022-05-16T11:46:15.747" v="24" actId="478"/>
          <ac:spMkLst>
            <pc:docMk/>
            <pc:sldMk cId="3251259783" sldId="296"/>
            <ac:spMk id="3" creationId="{136E1EAE-1BD3-8244-A636-36A2A67C7320}"/>
          </ac:spMkLst>
        </pc:spChg>
        <pc:picChg chg="mod">
          <ac:chgData name="Anton Ruby" userId="0437879b-7f11-4ed3-a9a2-ac7e51bb8ff3" providerId="ADAL" clId="{80C913FC-5A8A-41AB-BD05-3C98EB30A1FC}" dt="2022-05-16T11:46:32.440" v="29" actId="1076"/>
          <ac:picMkLst>
            <pc:docMk/>
            <pc:sldMk cId="3251259783" sldId="296"/>
            <ac:picMk id="7" creationId="{767ADCED-E8D2-A497-32AF-635B349AB7C3}"/>
          </ac:picMkLst>
        </pc:picChg>
      </pc:sldChg>
      <pc:sldChg chg="addSp delSp modSp mod modAnim">
        <pc:chgData name="Anton Ruby" userId="0437879b-7f11-4ed3-a9a2-ac7e51bb8ff3" providerId="ADAL" clId="{80C913FC-5A8A-41AB-BD05-3C98EB30A1FC}" dt="2022-05-16T12:19:41.351" v="44" actId="732"/>
        <pc:sldMkLst>
          <pc:docMk/>
          <pc:sldMk cId="4201463903" sldId="299"/>
        </pc:sldMkLst>
        <pc:picChg chg="add del mod">
          <ac:chgData name="Anton Ruby" userId="0437879b-7f11-4ed3-a9a2-ac7e51bb8ff3" providerId="ADAL" clId="{80C913FC-5A8A-41AB-BD05-3C98EB30A1FC}" dt="2022-05-16T11:47:54.118" v="33"/>
          <ac:picMkLst>
            <pc:docMk/>
            <pc:sldMk cId="4201463903" sldId="299"/>
            <ac:picMk id="6" creationId="{AD14BADD-40E3-4DF1-ABEC-3F50BBF0B6A6}"/>
          </ac:picMkLst>
        </pc:picChg>
        <pc:picChg chg="mod">
          <ac:chgData name="Anton Ruby" userId="0437879b-7f11-4ed3-a9a2-ac7e51bb8ff3" providerId="ADAL" clId="{80C913FC-5A8A-41AB-BD05-3C98EB30A1FC}" dt="2022-05-16T12:19:30.072" v="43" actId="1076"/>
          <ac:picMkLst>
            <pc:docMk/>
            <pc:sldMk cId="4201463903" sldId="299"/>
            <ac:picMk id="7" creationId="{B635F84F-AD27-1A7D-CC76-9BCE0AA1E189}"/>
          </ac:picMkLst>
        </pc:picChg>
        <pc:picChg chg="add mod modCrop">
          <ac:chgData name="Anton Ruby" userId="0437879b-7f11-4ed3-a9a2-ac7e51bb8ff3" providerId="ADAL" clId="{80C913FC-5A8A-41AB-BD05-3C98EB30A1FC}" dt="2022-05-16T12:19:41.351" v="44" actId="732"/>
          <ac:picMkLst>
            <pc:docMk/>
            <pc:sldMk cId="4201463903" sldId="299"/>
            <ac:picMk id="8" creationId="{420C8DF8-C287-410D-A006-CDF2A5A92371}"/>
          </ac:picMkLst>
        </pc:picChg>
      </pc:sldChg>
      <pc:sldChg chg="addSp delSp modSp mod delAnim modAnim">
        <pc:chgData name="Anton Ruby" userId="0437879b-7f11-4ed3-a9a2-ac7e51bb8ff3" providerId="ADAL" clId="{80C913FC-5A8A-41AB-BD05-3C98EB30A1FC}" dt="2022-05-16T12:25:12.062" v="81"/>
        <pc:sldMkLst>
          <pc:docMk/>
          <pc:sldMk cId="3863730635" sldId="301"/>
        </pc:sldMkLst>
        <pc:spChg chg="ord">
          <ac:chgData name="Anton Ruby" userId="0437879b-7f11-4ed3-a9a2-ac7e51bb8ff3" providerId="ADAL" clId="{80C913FC-5A8A-41AB-BD05-3C98EB30A1FC}" dt="2022-05-16T12:22:32.513" v="63" actId="171"/>
          <ac:spMkLst>
            <pc:docMk/>
            <pc:sldMk cId="3863730635" sldId="301"/>
            <ac:spMk id="17" creationId="{C9834EDC-FBFA-FA65-5568-E9E82F1EFE27}"/>
          </ac:spMkLst>
        </pc:spChg>
        <pc:spChg chg="mod">
          <ac:chgData name="Anton Ruby" userId="0437879b-7f11-4ed3-a9a2-ac7e51bb8ff3" providerId="ADAL" clId="{80C913FC-5A8A-41AB-BD05-3C98EB30A1FC}" dt="2022-05-16T12:21:56.772" v="55" actId="166"/>
          <ac:spMkLst>
            <pc:docMk/>
            <pc:sldMk cId="3863730635" sldId="301"/>
            <ac:spMk id="18" creationId="{65D7C88B-48FC-14AE-9611-EE7E715594CD}"/>
          </ac:spMkLst>
        </pc:spChg>
        <pc:picChg chg="add mod">
          <ac:chgData name="Anton Ruby" userId="0437879b-7f11-4ed3-a9a2-ac7e51bb8ff3" providerId="ADAL" clId="{80C913FC-5A8A-41AB-BD05-3C98EB30A1FC}" dt="2022-05-16T12:21:15.191" v="50" actId="1076"/>
          <ac:picMkLst>
            <pc:docMk/>
            <pc:sldMk cId="3863730635" sldId="301"/>
            <ac:picMk id="8" creationId="{6F888184-2CC5-4A72-9E9C-F0747BC3EAC4}"/>
          </ac:picMkLst>
        </pc:picChg>
        <pc:picChg chg="del">
          <ac:chgData name="Anton Ruby" userId="0437879b-7f11-4ed3-a9a2-ac7e51bb8ff3" providerId="ADAL" clId="{80C913FC-5A8A-41AB-BD05-3C98EB30A1FC}" dt="2022-05-16T12:21:02.862" v="45" actId="478"/>
          <ac:picMkLst>
            <pc:docMk/>
            <pc:sldMk cId="3863730635" sldId="301"/>
            <ac:picMk id="21" creationId="{45ADDF92-79D5-1843-2037-E5833BBA4709}"/>
          </ac:picMkLst>
        </pc:picChg>
        <pc:picChg chg="ord">
          <ac:chgData name="Anton Ruby" userId="0437879b-7f11-4ed3-a9a2-ac7e51bb8ff3" providerId="ADAL" clId="{80C913FC-5A8A-41AB-BD05-3C98EB30A1FC}" dt="2022-05-16T12:21:48.704" v="54" actId="166"/>
          <ac:picMkLst>
            <pc:docMk/>
            <pc:sldMk cId="3863730635" sldId="301"/>
            <ac:picMk id="32" creationId="{CAEA81F1-B71E-70CC-3573-C45E1D5056FE}"/>
          </ac:picMkLst>
        </pc:picChg>
      </pc:sldChg>
      <pc:sldChg chg="addSp delSp modSp new del mod">
        <pc:chgData name="Anton Ruby" userId="0437879b-7f11-4ed3-a9a2-ac7e51bb8ff3" providerId="ADAL" clId="{80C913FC-5A8A-41AB-BD05-3C98EB30A1FC}" dt="2022-05-16T11:53:30.121" v="37" actId="2696"/>
        <pc:sldMkLst>
          <pc:docMk/>
          <pc:sldMk cId="2608306969" sldId="307"/>
        </pc:sldMkLst>
        <pc:spChg chg="mod">
          <ac:chgData name="Anton Ruby" userId="0437879b-7f11-4ed3-a9a2-ac7e51bb8ff3" providerId="ADAL" clId="{80C913FC-5A8A-41AB-BD05-3C98EB30A1FC}" dt="2022-05-16T11:45:08.941" v="21"/>
          <ac:spMkLst>
            <pc:docMk/>
            <pc:sldMk cId="2608306969" sldId="307"/>
            <ac:spMk id="2" creationId="{BC800A8E-7992-43A9-8249-A9B97D34D02F}"/>
          </ac:spMkLst>
        </pc:spChg>
        <pc:spChg chg="del">
          <ac:chgData name="Anton Ruby" userId="0437879b-7f11-4ed3-a9a2-ac7e51bb8ff3" providerId="ADAL" clId="{80C913FC-5A8A-41AB-BD05-3C98EB30A1FC}" dt="2022-05-16T11:44:43.296" v="15" actId="478"/>
          <ac:spMkLst>
            <pc:docMk/>
            <pc:sldMk cId="2608306969" sldId="307"/>
            <ac:spMk id="3" creationId="{9AC3CD6E-4CC3-4EFA-9F86-AD02D69711BA}"/>
          </ac:spMkLst>
        </pc:spChg>
        <pc:picChg chg="add del mod">
          <ac:chgData name="Anton Ruby" userId="0437879b-7f11-4ed3-a9a2-ac7e51bb8ff3" providerId="ADAL" clId="{80C913FC-5A8A-41AB-BD05-3C98EB30A1FC}" dt="2022-05-16T11:53:26.165" v="36" actId="478"/>
          <ac:picMkLst>
            <pc:docMk/>
            <pc:sldMk cId="2608306969" sldId="307"/>
            <ac:picMk id="7" creationId="{C71CB767-E295-4828-9B20-52E9BC8127B4}"/>
          </ac:picMkLst>
        </pc:picChg>
      </pc:sldChg>
      <pc:sldChg chg="addSp delSp modSp new mod">
        <pc:chgData name="Anton Ruby" userId="0437879b-7f11-4ed3-a9a2-ac7e51bb8ff3" providerId="ADAL" clId="{80C913FC-5A8A-41AB-BD05-3C98EB30A1FC}" dt="2022-05-16T14:27:59.394" v="109" actId="20577"/>
        <pc:sldMkLst>
          <pc:docMk/>
          <pc:sldMk cId="3451922284" sldId="307"/>
        </pc:sldMkLst>
        <pc:spChg chg="mod">
          <ac:chgData name="Anton Ruby" userId="0437879b-7f11-4ed3-a9a2-ac7e51bb8ff3" providerId="ADAL" clId="{80C913FC-5A8A-41AB-BD05-3C98EB30A1FC}" dt="2022-05-16T14:27:59.394" v="109" actId="20577"/>
          <ac:spMkLst>
            <pc:docMk/>
            <pc:sldMk cId="3451922284" sldId="307"/>
            <ac:spMk id="2" creationId="{6210E569-94A5-4193-9AEB-30FC01BA899C}"/>
          </ac:spMkLst>
        </pc:spChg>
        <pc:spChg chg="del">
          <ac:chgData name="Anton Ruby" userId="0437879b-7f11-4ed3-a9a2-ac7e51bb8ff3" providerId="ADAL" clId="{80C913FC-5A8A-41AB-BD05-3C98EB30A1FC}" dt="2022-05-16T14:27:50.294" v="85"/>
          <ac:spMkLst>
            <pc:docMk/>
            <pc:sldMk cId="3451922284" sldId="307"/>
            <ac:spMk id="3" creationId="{428EAA41-1975-4B88-BC0B-1835F8DBA202}"/>
          </ac:spMkLst>
        </pc:spChg>
        <pc:picChg chg="add mod">
          <ac:chgData name="Anton Ruby" userId="0437879b-7f11-4ed3-a9a2-ac7e51bb8ff3" providerId="ADAL" clId="{80C913FC-5A8A-41AB-BD05-3C98EB30A1FC}" dt="2022-05-16T14:27:50.294" v="85"/>
          <ac:picMkLst>
            <pc:docMk/>
            <pc:sldMk cId="3451922284" sldId="307"/>
            <ac:picMk id="6" creationId="{685AAA6B-C248-4AF3-9A0C-DE560E46E470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415630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/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b9fb548c-8292-4919-a829-2a06c0cddfd9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19ecb2c7-f831-4a59-9793-2402b634315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6. May 2022</a:t>
            </a:r>
          </a:p>
        </p:txBody>
      </p:sp>
      <p:sp>
        <p:nvSpPr>
          <p:cNvPr id="7" name="text" descr="{&quot;templafy&quot;:{&quot;id&quot;:&quot;dbd0448e-45fb-4a1e-8381-6d16ce2208c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9.png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4.png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5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8.pn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440F459F-3B7F-8F25-4AAF-03583B9010DB}"/>
              </a:ext>
            </a:extLst>
          </p:cNvPr>
          <p:cNvSpPr/>
          <p:nvPr/>
        </p:nvSpPr>
        <p:spPr>
          <a:xfrm>
            <a:off x="2710830" y="1628800"/>
            <a:ext cx="6120680" cy="3168352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400" b="1" dirty="0">
                <a:latin typeface="+mn-lt"/>
              </a:rPr>
              <a:t>2021-08-26</a:t>
            </a:r>
            <a:endParaRPr lang="en-US" sz="140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497E81B-537F-5150-A0CD-3CA40400AE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arameter Estimat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F42DBDA-A3F7-B8FC-9341-BB3CA37D600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3F7A3F-235A-3A80-C48B-494F0BA9980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8A89624-6E94-DDBD-9CBD-8BCAB10DFDB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142878" y="2252498"/>
            <a:ext cx="3610479" cy="2353003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82E4305B-3FC8-588D-90E2-A703441FC454}"/>
              </a:ext>
            </a:extLst>
          </p:cNvPr>
          <p:cNvSpPr txBox="1"/>
          <p:nvPr/>
        </p:nvSpPr>
        <p:spPr>
          <a:xfrm>
            <a:off x="3142878" y="1889211"/>
            <a:ext cx="273630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800" b="1" dirty="0">
                <a:latin typeface="+mn-lt"/>
              </a:rPr>
              <a:t>Parameters to estimate</a:t>
            </a:r>
            <a:r>
              <a:rPr lang="en-US" dirty="0">
                <a:latin typeface="+mn-lt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018081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11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9239E4-DB27-FB1F-6376-177372786AF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04664"/>
            <a:ext cx="9312374" cy="634139"/>
          </a:xfrm>
        </p:spPr>
        <p:txBody>
          <a:bodyPr/>
          <a:lstStyle/>
          <a:p>
            <a:r>
              <a:rPr lang="en-US" dirty="0"/>
              <a:t>Visual Representation of Varianc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7D7B46E-C305-EDB8-0E07-64AA985AE65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3FEA7B4-25F9-2544-4EB6-51F825F5FFF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635F84F-AD27-1A7D-CC76-9BCE0AA1E18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62774" y="1209362"/>
            <a:ext cx="7224326" cy="5243974"/>
          </a:xfrm>
          <a:prstGeom prst="rect">
            <a:avLst/>
          </a:prstGeom>
        </p:spPr>
      </p:pic>
      <p:pic>
        <p:nvPicPr>
          <p:cNvPr id="8" name="Picture 6">
            <a:extLst>
              <a:ext uri="{FF2B5EF4-FFF2-40B4-BE49-F238E27FC236}">
                <a16:creationId xmlns:a16="http://schemas.microsoft.com/office/drawing/2014/main" id="{420C8DF8-C287-410D-A006-CDF2A5A92371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59524"/>
          <a:stretch/>
        </p:blipFill>
        <p:spPr>
          <a:xfrm>
            <a:off x="478582" y="3284984"/>
            <a:ext cx="2880320" cy="6573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146390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1495D18-38D7-26E9-4BE7-27148DD617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rrelation 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CDF5BE3-1DBD-D3E6-49F9-5F7FE783390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EF97539-E198-1DB6-8418-C764FEADE25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6" name="Billede 4">
            <a:extLst>
              <a:ext uri="{FF2B5EF4-FFF2-40B4-BE49-F238E27FC236}">
                <a16:creationId xmlns:a16="http://schemas.microsoft.com/office/drawing/2014/main" id="{CC8E4DF6-9DC6-C988-60A4-9C17D22E9ED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77512" y="1772816"/>
            <a:ext cx="7706801" cy="581106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F3462B95-9971-1D46-1CBB-CD7BBA4C45D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46934" y="2532404"/>
            <a:ext cx="5176639" cy="3943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5857471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D9C00CD-6BC7-04A7-3D5F-DA45185C501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84F17B8-0F19-C21F-4979-20BB3FE5EE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9031375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E065CBC6-C4FD-4A9A-1E3D-4D8776DA4F0C}"/>
              </a:ext>
            </a:extLst>
          </p:cNvPr>
          <p:cNvSpPr/>
          <p:nvPr/>
        </p:nvSpPr>
        <p:spPr>
          <a:xfrm>
            <a:off x="406574" y="1178196"/>
            <a:ext cx="4680520" cy="2769468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2021-08-26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F09F7A2-A039-434F-91E8-C1C1890D1B4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350320"/>
            <a:ext cx="3528392" cy="562131"/>
          </a:xfrm>
        </p:spPr>
        <p:txBody>
          <a:bodyPr/>
          <a:lstStyle/>
          <a:p>
            <a:r>
              <a:rPr lang="en-US" dirty="0"/>
              <a:t>The great picture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61B024B-9597-407E-89B7-7362F0BF358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77809" y="1429245"/>
            <a:ext cx="3384376" cy="1218616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General Linear Mod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83433BA-5EFC-4318-87E6-561B19CC30D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46CBC58-8131-4A18-AC76-F0D48097675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DCFABCA9-94CD-09DE-E61B-68CE207CD0EE}"/>
              </a:ext>
            </a:extLst>
          </p:cNvPr>
          <p:cNvSpPr/>
          <p:nvPr/>
        </p:nvSpPr>
        <p:spPr>
          <a:xfrm>
            <a:off x="6744504" y="1178196"/>
            <a:ext cx="4680520" cy="2769468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2021-08-26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0465C117-11FB-A57C-1921-5FE3A06A8930}"/>
              </a:ext>
            </a:extLst>
          </p:cNvPr>
          <p:cNvSpPr txBox="1"/>
          <p:nvPr/>
        </p:nvSpPr>
        <p:spPr>
          <a:xfrm>
            <a:off x="7391350" y="1178196"/>
            <a:ext cx="609600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Generalized Linear Models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49F06E6-276D-782A-D372-E0E377D6600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82691" y="1704716"/>
            <a:ext cx="3557044" cy="2083016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6F888184-2CC5-4A72-9E9C-F0747BC3EAC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36158" y="1516750"/>
            <a:ext cx="3897212" cy="2326278"/>
          </a:xfrm>
          <a:prstGeom prst="rect">
            <a:avLst/>
          </a:prstGeom>
        </p:spPr>
      </p:pic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C9834EDC-FBFA-FA65-5568-E9E82F1EFE27}"/>
              </a:ext>
            </a:extLst>
          </p:cNvPr>
          <p:cNvSpPr/>
          <p:nvPr/>
        </p:nvSpPr>
        <p:spPr>
          <a:xfrm>
            <a:off x="3502918" y="3738212"/>
            <a:ext cx="4680520" cy="2769468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eneralized Linear Models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32" name="Picture 31">
            <a:extLst>
              <a:ext uri="{FF2B5EF4-FFF2-40B4-BE49-F238E27FC236}">
                <a16:creationId xmlns:a16="http://schemas.microsoft.com/office/drawing/2014/main" id="{CAEA81F1-B71E-70CC-3573-C45E1D5056F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32213" y="4380566"/>
            <a:ext cx="2879688" cy="2108798"/>
          </a:xfrm>
          <a:prstGeom prst="rect">
            <a:avLst/>
          </a:prstGeom>
        </p:spPr>
      </p:pic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65D7C88B-48FC-14AE-9611-EE7E715594CD}"/>
              </a:ext>
            </a:extLst>
          </p:cNvPr>
          <p:cNvSpPr txBox="1">
            <a:spLocks/>
          </p:cNvSpPr>
          <p:nvPr/>
        </p:nvSpPr>
        <p:spPr bwMode="auto">
          <a:xfrm>
            <a:off x="3917860" y="4008486"/>
            <a:ext cx="3384376" cy="12186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ixed effect models </a:t>
            </a:r>
          </a:p>
        </p:txBody>
      </p:sp>
    </p:spTree>
    <p:extLst>
      <p:ext uri="{BB962C8B-B14F-4D97-AF65-F5344CB8AC3E}">
        <p14:creationId xmlns:p14="http://schemas.microsoft.com/office/powerpoint/2010/main" val="38637306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3" grpId="0" build="p"/>
      <p:bldP spid="22" grpId="0" animBg="1"/>
      <p:bldP spid="12" grpId="0" build="allAtOnce"/>
      <p:bldP spid="17" grpId="0" animBg="1"/>
      <p:bldP spid="18" grpId="0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210E569-94A5-4193-9AEB-30FC01BA89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inearity of residuals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216BE247-5E82-46D4-B1BE-69DEDA69A36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C899223-DF64-4043-B7B0-66620AE162F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5</a:t>
            </a:fld>
            <a:endParaRPr lang="da-DK" dirty="0"/>
          </a:p>
        </p:txBody>
      </p:sp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685AAA6B-C248-4AF3-9A0C-DE560E46E47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33519" y="1706563"/>
            <a:ext cx="6394887" cy="4545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5192228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8CA1C7-A2DC-A69D-1DEC-C78542D9DA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82593"/>
          </a:xfrm>
        </p:spPr>
        <p:txBody>
          <a:bodyPr/>
          <a:lstStyle/>
          <a:p>
            <a:r>
              <a:rPr lang="en-US" dirty="0"/>
              <a:t>Final Model and Parameters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966119-4CB6-4984-32FB-394CC568A5B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90750" y="1700808"/>
            <a:ext cx="9312374" cy="864096"/>
          </a:xfrm>
        </p:spPr>
        <p:txBody>
          <a:bodyPr/>
          <a:lstStyle/>
          <a:p>
            <a:pPr marL="0" indent="0">
              <a:buNone/>
            </a:pP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D2E2805-292F-334D-BEF9-EA72763A31D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D54080-12B0-779F-143E-09C580E98C9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6</a:t>
            </a:fld>
            <a:endParaRPr lang="da-DK" dirty="0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1ADEB5AC-621A-E808-6D64-2DD0E0DFD17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54646" y="2132856"/>
            <a:ext cx="4220164" cy="2476846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29F3D71A-3FAB-0532-10FF-39CDE2340CA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52445" y="1052736"/>
            <a:ext cx="4521432" cy="53025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3702182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6297E402-B193-07AB-DAE9-58FD2B6E7BCB}"/>
              </a:ext>
            </a:extLst>
          </p:cNvPr>
          <p:cNvSpPr/>
          <p:nvPr/>
        </p:nvSpPr>
        <p:spPr>
          <a:xfrm>
            <a:off x="7825144" y="1697355"/>
            <a:ext cx="3681306" cy="4539957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400" b="1" dirty="0">
                <a:latin typeface="+mn-lt"/>
              </a:rPr>
              <a:t>2021-08-26</a:t>
            </a:r>
            <a:endParaRPr lang="en-US" sz="1400" dirty="0"/>
          </a:p>
        </p:txBody>
      </p:sp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CE860ED9-9DEB-0508-64C5-018011739B44}"/>
              </a:ext>
            </a:extLst>
          </p:cNvPr>
          <p:cNvSpPr/>
          <p:nvPr/>
        </p:nvSpPr>
        <p:spPr>
          <a:xfrm>
            <a:off x="1332612" y="4900456"/>
            <a:ext cx="6120680" cy="1448544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400" b="1" dirty="0">
                <a:latin typeface="+mn-lt"/>
              </a:rPr>
              <a:t>2021-08-26</a:t>
            </a:r>
            <a:endParaRPr lang="en-US" sz="1400" dirty="0"/>
          </a:p>
        </p:txBody>
      </p:sp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440F459F-3B7F-8F25-4AAF-03583B9010DB}"/>
              </a:ext>
            </a:extLst>
          </p:cNvPr>
          <p:cNvSpPr/>
          <p:nvPr/>
        </p:nvSpPr>
        <p:spPr>
          <a:xfrm>
            <a:off x="1342678" y="1628800"/>
            <a:ext cx="6120680" cy="3168352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400" b="1" dirty="0">
                <a:latin typeface="+mn-lt"/>
              </a:rPr>
              <a:t>2021-08-26</a:t>
            </a:r>
            <a:endParaRPr lang="en-US" sz="140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497E81B-537F-5150-A0CD-3CA40400AE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arameter Estimate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F42DBDA-A3F7-B8FC-9341-BB3CA37D600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3F7A3F-235A-3A80-C48B-494F0BA9980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7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8A89624-6E94-DDBD-9CBD-8BCAB10DFDB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74726" y="2252498"/>
            <a:ext cx="3610479" cy="235300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042460B9-0A61-2490-FF82-019BBA982C2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726" y="5517232"/>
            <a:ext cx="2962688" cy="628738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82E4305B-3FC8-588D-90E2-A703441FC454}"/>
              </a:ext>
            </a:extLst>
          </p:cNvPr>
          <p:cNvSpPr txBox="1"/>
          <p:nvPr/>
        </p:nvSpPr>
        <p:spPr>
          <a:xfrm>
            <a:off x="1774726" y="1889211"/>
            <a:ext cx="273630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800" b="1" dirty="0">
                <a:latin typeface="+mn-lt"/>
              </a:rPr>
              <a:t>Parameters to estimate</a:t>
            </a:r>
            <a:r>
              <a:rPr lang="en-US" dirty="0">
                <a:latin typeface="+mn-lt"/>
              </a:rPr>
              <a:t> 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3B67FFE-2137-3666-167E-9052230100C3}"/>
              </a:ext>
            </a:extLst>
          </p:cNvPr>
          <p:cNvSpPr txBox="1"/>
          <p:nvPr/>
        </p:nvSpPr>
        <p:spPr>
          <a:xfrm>
            <a:off x="1558702" y="5033181"/>
            <a:ext cx="610108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New interpretation </a:t>
            </a:r>
            <a:endParaRPr lang="en-US" dirty="0">
              <a:latin typeface="+mn-lt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728AEC73-EF77-2CAD-423E-9202B3FE956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021568" y="2598444"/>
            <a:ext cx="3010320" cy="3429479"/>
          </a:xfrm>
          <a:prstGeom prst="rect">
            <a:avLst/>
          </a:prstGeom>
        </p:spPr>
      </p:pic>
      <p:sp>
        <p:nvSpPr>
          <p:cNvPr id="19" name="TextBox 18">
            <a:extLst>
              <a:ext uri="{FF2B5EF4-FFF2-40B4-BE49-F238E27FC236}">
                <a16:creationId xmlns:a16="http://schemas.microsoft.com/office/drawing/2014/main" id="{B4A43B12-FD44-7B12-D511-B14B1E5ACE8F}"/>
              </a:ext>
            </a:extLst>
          </p:cNvPr>
          <p:cNvSpPr txBox="1"/>
          <p:nvPr/>
        </p:nvSpPr>
        <p:spPr>
          <a:xfrm>
            <a:off x="8031634" y="1996933"/>
            <a:ext cx="2828637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1" dirty="0">
                <a:latin typeface="+mn-lt"/>
              </a:rPr>
              <a:t>Estimated parameters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6478918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 animBg="1"/>
      <p:bldP spid="12" grpId="0" animBg="1"/>
      <p:bldP spid="10" grpId="0" animBg="1"/>
      <p:bldP spid="11" grpId="0"/>
      <p:bldP spid="14" grpId="0"/>
      <p:bldP spid="19" grpId="0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97E81B-537F-5150-A0CD-3CA40400AE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plicit SSE and SSB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F42DBDA-A3F7-B8FC-9341-BB3CA37D600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3F7A3F-235A-3A80-C48B-494F0BA9980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8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F0BB745-1ABE-9978-8877-8417C465326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113465" y="1704734"/>
            <a:ext cx="5963482" cy="34485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9332660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75A682-EB36-3F51-2902-E8DC8161D30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an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036F44B-341F-89DD-C3E9-C989E608A3D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543BA58-F024-635B-3837-17E5D3ECBB8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9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F5A56EA-53C8-432D-0666-FA1E05B3369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02718" y="2564904"/>
            <a:ext cx="8276295" cy="17281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38499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Exam – Part 1</a:t>
            </a:r>
            <a:br>
              <a:rPr lang="en-US" dirty="0"/>
            </a:br>
            <a:r>
              <a:rPr lang="en-US" dirty="0"/>
              <a:t>17-05-2022</a:t>
            </a:r>
            <a:endParaRPr lang="en-US" sz="7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6D7260A-4E7B-D720-30B4-A6FF8BD76E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ormal distribution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E9A0A88-9032-80F1-38EB-FF8B6DA4846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EFF089F-10E9-7181-6F4D-A78469EF17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0</a:t>
            </a:fld>
            <a:endParaRPr lang="da-DK" dirty="0"/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9F47B75E-D241-F7D0-1FAD-D2469199D323}"/>
              </a:ext>
            </a:extLst>
          </p:cNvPr>
          <p:cNvSpPr/>
          <p:nvPr/>
        </p:nvSpPr>
        <p:spPr>
          <a:xfrm>
            <a:off x="2772772" y="2720211"/>
            <a:ext cx="6120680" cy="1448544"/>
          </a:xfrm>
          <a:prstGeom prst="roundRect">
            <a:avLst>
              <a:gd name="adj" fmla="val 15125"/>
            </a:avLst>
          </a:prstGeom>
          <a:solidFill>
            <a:schemeClr val="bg1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400" b="1" dirty="0">
                <a:latin typeface="+mn-lt"/>
              </a:rPr>
              <a:t>2021-08-26</a:t>
            </a:r>
            <a:endParaRPr lang="en-US" sz="14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5E18DB3-3CD4-712F-897B-6D50E8D8563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214886" y="3336987"/>
            <a:ext cx="2962688" cy="62873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E8CD6133-F818-DBBB-3E98-7ECE93B723C6}"/>
              </a:ext>
            </a:extLst>
          </p:cNvPr>
          <p:cNvSpPr txBox="1"/>
          <p:nvPr/>
        </p:nvSpPr>
        <p:spPr>
          <a:xfrm>
            <a:off x="2998862" y="2852936"/>
            <a:ext cx="610108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b="1" dirty="0">
                <a:latin typeface="+mn-lt"/>
              </a:rPr>
              <a:t>New interpretation </a:t>
            </a:r>
            <a:endParaRPr lang="en-US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8412534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8" grpId="0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8DBC8C-A80C-C663-CF95-E893959EB0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 distribu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E7FFA95-7AE0-3088-F5B7-1E884A24237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4C68A5D-FE60-6A3E-AB63-B259C42CE23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1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F154226F-5471-F4A2-4CDE-59545159F81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08014" y="1952419"/>
            <a:ext cx="11174384" cy="29531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5525214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09F7A2-A039-434F-91E8-C1C1890D1B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vailable Data</a:t>
            </a:r>
          </a:p>
        </p:txBody>
      </p:sp>
      <p:pic>
        <p:nvPicPr>
          <p:cNvPr id="16" name="Content Placeholder 15">
            <a:extLst>
              <a:ext uri="{FF2B5EF4-FFF2-40B4-BE49-F238E27FC236}">
                <a16:creationId xmlns:a16="http://schemas.microsoft.com/office/drawing/2014/main" id="{8F0B1433-F60B-43C9-A039-C50332354B6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520034" y="2204864"/>
            <a:ext cx="8591012" cy="2880320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83433BA-5EFC-4318-87E6-561B19CC30D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46CBC58-8131-4A18-AC76-F0D48097675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4461655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D2E2805-292F-334D-BEF9-EA72763A31D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D54080-12B0-779F-143E-09C580E98C9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6" name="Pladsholder til indhold 4">
            <a:extLst>
              <a:ext uri="{FF2B5EF4-FFF2-40B4-BE49-F238E27FC236}">
                <a16:creationId xmlns:a16="http://schemas.microsoft.com/office/drawing/2014/main" id="{54D7D560-7891-4332-A1DF-19FC62A5365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566814" y="1028614"/>
            <a:ext cx="6912768" cy="5511434"/>
          </a:xfr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5A8CA1C7-A2DC-A69D-1DEC-C78542D9DA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5436" y="426127"/>
            <a:ext cx="9312374" cy="482593"/>
          </a:xfrm>
        </p:spPr>
        <p:txBody>
          <a:bodyPr/>
          <a:lstStyle/>
          <a:p>
            <a:r>
              <a:rPr lang="en-US" dirty="0"/>
              <a:t>Concrete Strength </a:t>
            </a:r>
          </a:p>
        </p:txBody>
      </p:sp>
    </p:spTree>
    <p:extLst>
      <p:ext uri="{BB962C8B-B14F-4D97-AF65-F5344CB8AC3E}">
        <p14:creationId xmlns:p14="http://schemas.microsoft.com/office/powerpoint/2010/main" val="266956202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6782B2-E43D-B600-9729-D92C8F664B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del Building Framework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8385BD3-2C5B-89DC-E2A9-89DFCB39B75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A1748D4-6032-414C-7660-9EFB51B1B7F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0ACDC16-3531-A717-628B-54A03B3AD7B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031310" y="792088"/>
            <a:ext cx="4538101" cy="5273824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B40DD1E2-E90E-7EBC-32A5-D1CE3EB4BC2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82638" y="1988840"/>
            <a:ext cx="5976664" cy="1298905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A969AB6C-EC6D-D440-B823-914C4EBF74D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1002" y="3481698"/>
            <a:ext cx="6487928" cy="28218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45626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140E7F-DC4D-860E-9E60-93BDF5BB922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iagnostics for Sufficient Model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138F3D9-A6FE-FF40-5713-41FA46F503F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68AEDF7-AA15-53E1-B415-C84AE3E0898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767ADCED-E8D2-A497-32AF-635B349AB7C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66814" y="1844824"/>
            <a:ext cx="6048672" cy="4416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5125978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D140E7F-DC4D-860E-9E60-93BDF5BB922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del Reduc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138F3D9-A6FE-FF40-5713-41FA46F503F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68AEDF7-AA15-53E1-B415-C84AE3E0898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89BEBF8-90CC-1FC1-E301-B6C0CAEC34F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84649" y="792088"/>
            <a:ext cx="4538101" cy="5273824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E0B2B211-C235-AB71-6A45-E34D38ABB27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54646" y="2132856"/>
            <a:ext cx="5763429" cy="57158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96621326-89F1-7E6F-9A56-67B402B7E97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90550" y="4613891"/>
            <a:ext cx="7774610" cy="8932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314996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E17F80A-5A69-5B19-E29C-11A133FB4C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clus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5DFD561-EF8B-86BE-C213-82E6CB68513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4E21423-4348-2343-2094-9D879AB3851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99644431-C852-0E9D-4B1B-EDC8786681B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54846" y="1398843"/>
            <a:ext cx="6192688" cy="44013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7469423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5D05764-BE69-EAF0-A71E-AC96F9B56F4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imultaneous Modelling 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9CD0D63-1F96-F52E-71E1-4329BAB67F0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BDDFF6A-2860-F5CA-0E3F-F2DC7F56CF6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A1B742C-2A47-67E4-4077-4F6F8F3EF76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90750" y="1772816"/>
            <a:ext cx="7116168" cy="657317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2C179D8B-3A00-BB27-4B9C-765248A6AA2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095396" y="2828618"/>
            <a:ext cx="5887272" cy="781159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85879402-4ED4-689D-9F6C-66A7CB0DFDE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95396" y="4437112"/>
            <a:ext cx="5430008" cy="5334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1077695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8u3c7hsQ9Ke7x8xgJlNruQ=="}]}]]></TemplafyFormConfiguration>
</file>

<file path=customXml/item2.xml><?xml version="1.0" encoding="utf-8"?>
<TemplafyTemplateConfiguration><![CDATA[{"elementsMetadata":[{"type":"shape","id":"b9fb548c-8292-4919-a829-2a06c0cddfd9","elementConfiguration":{"binding":"UserProfile.Offices.Workarea_{{DocumentLanguage}}","disableUpdates":false,"type":"text"}},{"type":"shape","id":"19ecb2c7-f831-4a59-9793-2402b634315c","elementConfiguration":{"format":"{{DateFormats.GeneralDate}}","binding":"Form.Date","disableUpdates":false,"type":"date"}},{"type":"shape","id":"dbd0448e-45fb-4a1e-8381-6d16ce2208c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584817741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B29B696-7354-412C-9B8E-ED20D22F6B23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4D5E1A10-B5E6-482A-9521-846112537EBC}">
  <ds:schemaRefs/>
</ds:datastoreItem>
</file>

<file path=customXml/itemProps4.xml><?xml version="1.0" encoding="utf-8"?>
<ds:datastoreItem xmlns:ds="http://schemas.openxmlformats.org/officeDocument/2006/customXml" ds:itemID="{7FEA1E6D-AEEC-41D9-9E9A-45BA2EAE1656}">
  <ds:schemaRefs/>
</ds:datastoreItem>
</file>

<file path=customXml/itemProps5.xml><?xml version="1.0" encoding="utf-8"?>
<ds:datastoreItem xmlns:ds="http://schemas.openxmlformats.org/officeDocument/2006/customXml" ds:itemID="{A21E89D4-F487-4C26-905C-EE6B6998C9D1}">
  <ds:schemaRefs/>
</ds:datastoreItem>
</file>

<file path=customXml/itemProps6.xml><?xml version="1.0" encoding="utf-8"?>
<ds:datastoreItem xmlns:ds="http://schemas.openxmlformats.org/officeDocument/2006/customXml" ds:itemID="{A5211637-BEE7-4AAE-A4E7-A8EE3F203F8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9616</TotalTime>
  <Words>103</Words>
  <Application>Microsoft Office PowerPoint</Application>
  <PresentationFormat>Brugerdefineret</PresentationFormat>
  <Paragraphs>57</Paragraphs>
  <Slides>21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1</vt:i4>
      </vt:variant>
    </vt:vector>
  </HeadingPairs>
  <TitlesOfParts>
    <vt:vector size="25" baseType="lpstr">
      <vt:lpstr>Arial</vt:lpstr>
      <vt:lpstr>Calibri</vt:lpstr>
      <vt:lpstr>Verdana</vt:lpstr>
      <vt:lpstr>Blank</vt:lpstr>
      <vt:lpstr>PowerPoint-præsentation</vt:lpstr>
      <vt:lpstr>Exam – Part 1 17-05-2022</vt:lpstr>
      <vt:lpstr>Available Data</vt:lpstr>
      <vt:lpstr>Concrete Strength </vt:lpstr>
      <vt:lpstr>Model Building Framework </vt:lpstr>
      <vt:lpstr>Diagnostics for Sufficient Model </vt:lpstr>
      <vt:lpstr>Model Reduction</vt:lpstr>
      <vt:lpstr>Conclusion</vt:lpstr>
      <vt:lpstr>Simultaneous Modelling  </vt:lpstr>
      <vt:lpstr>Parameter Estimates</vt:lpstr>
      <vt:lpstr>Visual Representation of Variance</vt:lpstr>
      <vt:lpstr>Correlation  </vt:lpstr>
      <vt:lpstr>PowerPoint-præsentation</vt:lpstr>
      <vt:lpstr>The great picture </vt:lpstr>
      <vt:lpstr>Linearity of residuals</vt:lpstr>
      <vt:lpstr>Final Model and Parameters </vt:lpstr>
      <vt:lpstr>Parameter Estimates</vt:lpstr>
      <vt:lpstr>Explicit SSE and SSB</vt:lpstr>
      <vt:lpstr>Means</vt:lpstr>
      <vt:lpstr>Normal distribution </vt:lpstr>
      <vt:lpstr>F distribu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nton Ruby Larsen</cp:lastModifiedBy>
  <cp:revision>231</cp:revision>
  <dcterms:created xsi:type="dcterms:W3CDTF">2017-07-31T08:31:56Z</dcterms:created>
  <dcterms:modified xsi:type="dcterms:W3CDTF">2022-05-17T08:48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463104285231417</vt:lpwstr>
  </property>
  <property fmtid="{D5CDD505-2E9C-101B-9397-08002B2CF9AE}" pid="6" name="TemplafyLanguageCode">
    <vt:lpwstr>da-DK</vt:lpwstr>
  </property>
</Properties>
</file>